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618_2021 Buničitá vata\02. Príprava\05. PTK\01. Odoslanie PTK\"/>
    </mc:Choice>
  </mc:AlternateContent>
  <bookViews>
    <workbookView xWindow="0" yWindow="0" windowWidth="23040" windowHeight="9195"/>
  </bookViews>
  <sheets>
    <sheet name="Cenová ponuka" sheetId="8" r:id="rId1"/>
  </sheets>
  <externalReferences>
    <externalReference r:id="rId2"/>
  </externalReferences>
  <definedNames>
    <definedName name="_xlnm.Print_Area" localSheetId="0">'Cenová ponuka'!$B$1:$F$128</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64" i="8" l="1"/>
  <c r="C65" i="8"/>
  <c r="C66" i="8"/>
  <c r="C67" i="8"/>
  <c r="C68" i="8"/>
  <c r="C69" i="8"/>
  <c r="C70" i="8"/>
  <c r="C56" i="8"/>
  <c r="C57" i="8"/>
  <c r="C58" i="8"/>
  <c r="C59" i="8"/>
  <c r="C60" i="8"/>
  <c r="C61" i="8"/>
  <c r="C62" i="8"/>
  <c r="C49" i="8"/>
  <c r="C50" i="8"/>
  <c r="C51" i="8"/>
  <c r="C52" i="8"/>
  <c r="C53" i="8"/>
  <c r="C54" i="8"/>
  <c r="C42" i="8"/>
  <c r="C43" i="8"/>
  <c r="C44" i="8"/>
  <c r="C45" i="8"/>
  <c r="C46" i="8"/>
  <c r="C47" i="8"/>
</calcChain>
</file>

<file path=xl/sharedStrings.xml><?xml version="1.0" encoding="utf-8"?>
<sst xmlns="http://schemas.openxmlformats.org/spreadsheetml/2006/main" count="162" uniqueCount="13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t>7.</t>
  </si>
  <si>
    <t>12.</t>
  </si>
  <si>
    <t>13.</t>
  </si>
  <si>
    <t>15.</t>
  </si>
  <si>
    <t>16.</t>
  </si>
  <si>
    <t>17.</t>
  </si>
  <si>
    <t>19.</t>
  </si>
  <si>
    <t>20.</t>
  </si>
  <si>
    <t>21.</t>
  </si>
  <si>
    <t>Požaduje sa, aby dodávateľ v čase predloženia ponuky a zároveň počas trvania zmluvy bol oprávnený na poskytnutie plnenia predmetu zákazky.</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3.1</t>
  </si>
  <si>
    <t>3.2</t>
  </si>
  <si>
    <t>3.3</t>
  </si>
  <si>
    <t>3.4</t>
  </si>
  <si>
    <t>3.5</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xxx</t>
  </si>
  <si>
    <t>Položka č. 2</t>
  </si>
  <si>
    <t>Položka č. 3</t>
  </si>
  <si>
    <t>Buničitá vata</t>
  </si>
  <si>
    <t>33141117-3   Vata</t>
  </si>
  <si>
    <t>Položka č. 4</t>
  </si>
  <si>
    <t>vata obväzová vinutá</t>
  </si>
  <si>
    <t>buničitá vata v  rezoch</t>
  </si>
  <si>
    <t>buničité tampóny delená</t>
  </si>
  <si>
    <t>buničitá vata rolovaná</t>
  </si>
  <si>
    <t>Položka č. 1 - vata obväzová vinutá</t>
  </si>
  <si>
    <t>Položka č. 2 - buničitá vata v  rezoch</t>
  </si>
  <si>
    <t>Položka č. 3 - buničité tampóny delená</t>
  </si>
  <si>
    <t>Položka č. 4 - buničitá vata rolovaná</t>
  </si>
  <si>
    <t xml:space="preserve">Uzatvorenie rámcovej dohody na dohodnuté zmluvné obdobie 36 kalendárnych mesiacov, resp. do doby naplnenia zmluvného finančného objemu podľa toho, ktorá z uvedených skutočností nastane skôr. </t>
  </si>
  <si>
    <t>Požaduje sa dodanie tovaru:</t>
  </si>
  <si>
    <t>do štyridsiatich 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 xml:space="preserve">Požaduje sa v zmysle § 340b ods. 5 zákona č. 513/1991 Z.z. Obchodného zákonníka v znení neskorších predpisov splatnosť faktúry v lehote šesťdesiatich (60) kalendárnych dní odo dňa jej doručenia objednávateľovi. </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Objednávateľ zaplatí kúpnu cenu za objednaný a dodaný tovar na základe faktúry vystavenej dodávateľom po dodaní tovaru. Dodávateľ tovaru je povinný vystaviť faktúru za dodávku tovaru v súlade s ustanovením §73 zákona č. 222/2004 Z. z. o dani z pridanej hodnoty, najneskôr však do piateho (5) pracovného dňa v mesiaci, nasledujúcom po mesiaci, v ktorom došlo k dodania tovaru podľa uzatvorenej rámcovej dohody.</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 Za deň splnenia peňažného záväzku sa považuje deň odpísania dlžnej sumy z účtu kupujúceho v prospech účtu predávajúceho.</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tejto rámcovej dohody.</t>
  </si>
  <si>
    <t>V prípade, ak sa po uzatvorení  rámcovej dohody preukáže, že na relevantnom trhu existuje cena (ďalej tiež ako "nižšia cena") za rovnaké alebo porovnateľné plnenie ako je obsiahnuté v uzatvorenej rámcovej dohode a dodávateľ už preukázateľne v minulosti za takúto nižšiu cenu plnenie poskytol, resp. ešte stále poskytuje, pričom rozdiel medzi nižšou cenou a cenou podľa uzatvorenej rámcovej dohody je viac ako 5% v neprospech ceny podľa uzatvorenej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om bode, doručiť objednávateľovi dodatok, predmetom ktorého bude upravená cena zistená podľa bodu 10. týchto zmluvných podmienok.</t>
  </si>
  <si>
    <t>Počas trvania rámcovej dohody si objednávateľ vyhradzuje právo rozšíriť, príp. zmeniť druh tovaru v rozsahu predmetu
obstarávania a to po vzájomnej dohode zmluvných strán, pričom zmluvný finančný objem tejto rámcovej dohody počas jej platnosti a účinnosti ostane nezmenený. 
Zmluvná cena tohto druhu tovaru bude určená, ako nižšia cena z nasledovných cien:
- z trhovej ceny, ktorá bude vypočítaná ako priemerná cena rovnakého typu tovaru od min. troch rôznych predajcov na trhu. Jedným z povinne oslovených predajcov v rámci prieskumu trhu bude dodávateľ. Prieskum trhu vykoná objednávateľ.
- z ponukovej ceny predloženej dodávateľom v prieskume trhu.</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 Cena náhradného tovaru nesmie byť vyššia ako cena pôvodného tovaru, ktorého výroba bola ukončená. Ak trhová cena náhradného tovaru bude v danom období nižšia ako cena pôvodného tovaru, platí spôsob určenia ceny uvedený v predchádzajúcom bode.</t>
  </si>
  <si>
    <t>V prípade, ak nastanú skutočnosti uvedené v bodoch 11. a 12. je dodávateľ povinný pred prvou dodávkou každého nového tovaru, resp. náhradného druhu tovaru doručiť objednávateľovi prospektový materiál a zároveň doručiť návrh dodatku, ktorého predmetom bude zmena rozsahu plnenia vrátane aktualizovaného štruktúrovaného rozpočtu ceny predmetu zákazky.</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mena názvu tovaru a pod.).</t>
  </si>
  <si>
    <t>Požaduje sa možnosť uplatnenia si náhrady škody u dodávateľa vo výške vzniknutých finančných nákladov a/alebo možnosť vrátenia nespotrebovanej časti tovaru v prípade nedodržania požiadaviek uvedených v bodoch 9. - 14. týchto zmluvných podmienok.</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18</t>
  </si>
  <si>
    <t>10.1</t>
  </si>
  <si>
    <t>Buničitá vata na všeobecné použitie v zdravotníctve, zdravotná pomôcka.</t>
  </si>
  <si>
    <r>
      <rPr>
        <b/>
        <sz val="10"/>
        <rFont val="Arial"/>
        <family val="2"/>
        <charset val="238"/>
      </rPr>
      <t>Doklad s názvom ES vyhlásenie o zhode</t>
    </r>
    <r>
      <rPr>
        <sz val="10"/>
        <rFont val="Arial"/>
        <family val="2"/>
        <charset val="238"/>
      </rPr>
      <t xml:space="preserve"> a podklady k nemu, resp. iné doklady, ktoré nahrádzajú požadované potvrdenie</t>
    </r>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indexed="64"/>
      </left>
      <right/>
      <top style="thin">
        <color indexed="64"/>
      </top>
      <bottom style="medium">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style="thin">
        <color indexed="64"/>
      </left>
      <right style="thin">
        <color indexed="64"/>
      </right>
      <top style="thin">
        <color indexed="64"/>
      </top>
      <bottom/>
      <diagonal/>
    </border>
    <border>
      <left style="medium">
        <color indexed="64"/>
      </left>
      <right/>
      <top style="medium">
        <color indexed="64"/>
      </top>
      <bottom style="thin">
        <color auto="1"/>
      </bottom>
      <diagonal/>
    </border>
    <border>
      <left/>
      <right/>
      <top style="medium">
        <color indexed="64"/>
      </top>
      <bottom style="thin">
        <color auto="1"/>
      </bottom>
      <diagonal/>
    </border>
    <border>
      <left/>
      <right style="medium">
        <color indexed="64"/>
      </right>
      <top style="thin">
        <color auto="1"/>
      </top>
      <bottom style="thin">
        <color auto="1"/>
      </bottom>
      <diagonal/>
    </border>
    <border>
      <left/>
      <right style="medium">
        <color auto="1"/>
      </right>
      <top style="thin">
        <color indexed="64"/>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2" fillId="0" borderId="10"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11" xfId="0" applyNumberFormat="1"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0" xfId="0"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8" xfId="0" applyNumberFormat="1" applyFont="1" applyFill="1" applyBorder="1" applyAlignment="1">
      <alignment horizontal="center" vertical="center"/>
    </xf>
    <xf numFmtId="49" fontId="2" fillId="0" borderId="11" xfId="0" applyNumberFormat="1" applyFont="1" applyFill="1" applyBorder="1" applyAlignment="1">
      <alignment horizontal="center" vertical="center"/>
    </xf>
    <xf numFmtId="0" fontId="2" fillId="0" borderId="0" xfId="0" applyNumberFormat="1" applyFont="1" applyBorder="1" applyAlignment="1">
      <alignment horizontal="center" vertical="center" wrapText="1"/>
    </xf>
    <xf numFmtId="49" fontId="4" fillId="0" borderId="34" xfId="0" applyNumberFormat="1" applyFont="1" applyFill="1" applyBorder="1" applyAlignment="1">
      <alignment vertical="center" wrapText="1"/>
    </xf>
    <xf numFmtId="49" fontId="2" fillId="0" borderId="25" xfId="0" applyNumberFormat="1" applyFont="1" applyFill="1" applyBorder="1" applyAlignment="1">
      <alignment horizontal="center" vertical="center"/>
    </xf>
    <xf numFmtId="0" fontId="2" fillId="0" borderId="26" xfId="0" applyNumberFormat="1" applyFont="1" applyBorder="1" applyAlignment="1">
      <alignment horizontal="center" vertical="center" wrapText="1"/>
    </xf>
    <xf numFmtId="49" fontId="2" fillId="0" borderId="11" xfId="0" applyNumberFormat="1" applyFont="1" applyBorder="1" applyAlignment="1">
      <alignment horizontal="center" vertical="center"/>
    </xf>
    <xf numFmtId="0" fontId="2" fillId="0" borderId="3" xfId="0" applyNumberFormat="1" applyFont="1" applyBorder="1" applyAlignment="1">
      <alignment horizontal="center" vertical="center" wrapText="1"/>
    </xf>
    <xf numFmtId="0" fontId="2" fillId="0" borderId="6" xfId="0" applyFont="1" applyFill="1" applyBorder="1" applyAlignment="1">
      <alignment horizontal="justify" vertical="center"/>
    </xf>
    <xf numFmtId="0" fontId="4" fillId="0" borderId="34"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3" fontId="13" fillId="0" borderId="10" xfId="0" applyNumberFormat="1" applyFont="1" applyFill="1" applyBorder="1" applyAlignment="1">
      <alignment horizontal="right" vertical="center" wrapText="1"/>
    </xf>
    <xf numFmtId="49" fontId="4"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2" borderId="29" xfId="0" applyFont="1" applyFill="1" applyBorder="1" applyAlignment="1">
      <alignment horizontal="center" vertical="top" wrapText="1"/>
    </xf>
    <xf numFmtId="0" fontId="3" fillId="2" borderId="30" xfId="0" applyFont="1" applyFill="1" applyBorder="1" applyAlignment="1">
      <alignment horizontal="center" vertical="top" wrapText="1"/>
    </xf>
    <xf numFmtId="0" fontId="3" fillId="2" borderId="31" xfId="0" applyFont="1" applyFill="1" applyBorder="1" applyAlignment="1">
      <alignment horizontal="center" vertical="top"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37" xfId="0" applyNumberFormat="1" applyFont="1" applyBorder="1" applyAlignment="1">
      <alignment horizontal="center" vertical="center" wrapText="1"/>
    </xf>
    <xf numFmtId="0" fontId="2" fillId="0" borderId="0" xfId="0" applyFont="1" applyAlignment="1">
      <alignment horizontal="left"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2" fillId="0" borderId="7" xfId="0" applyFont="1" applyBorder="1" applyAlignment="1">
      <alignment horizontal="center"/>
    </xf>
    <xf numFmtId="49" fontId="2" fillId="0" borderId="26" xfId="0" applyNumberFormat="1" applyFont="1" applyBorder="1" applyAlignment="1">
      <alignment horizontal="center" vertical="center" wrapText="1"/>
    </xf>
    <xf numFmtId="49" fontId="2" fillId="0" borderId="38"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49" fontId="3" fillId="5" borderId="35" xfId="0" applyNumberFormat="1" applyFont="1" applyFill="1" applyBorder="1" applyAlignment="1">
      <alignment horizontal="left" vertical="center"/>
    </xf>
    <xf numFmtId="49" fontId="3" fillId="5" borderId="36" xfId="0" applyNumberFormat="1" applyFont="1" applyFill="1" applyBorder="1" applyAlignment="1">
      <alignment horizontal="left" vertical="center"/>
    </xf>
    <xf numFmtId="49" fontId="3" fillId="5" borderId="28" xfId="0" applyNumberFormat="1" applyFont="1" applyFill="1" applyBorder="1" applyAlignment="1">
      <alignment horizontal="left" vertical="center"/>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26" xfId="0" applyFont="1" applyFill="1" applyBorder="1" applyAlignment="1">
      <alignment vertical="center" wrapText="1"/>
    </xf>
    <xf numFmtId="49" fontId="4" fillId="0" borderId="22" xfId="0" applyNumberFormat="1" applyFont="1" applyFill="1" applyBorder="1" applyAlignment="1">
      <alignment horizontal="center" vertical="center" wrapText="1"/>
    </xf>
    <xf numFmtId="0" fontId="4" fillId="0" borderId="23" xfId="0" applyFont="1" applyFill="1" applyBorder="1" applyAlignment="1">
      <alignment horizontal="left" vertical="center" wrapText="1"/>
    </xf>
    <xf numFmtId="49" fontId="4" fillId="0" borderId="11" xfId="0" applyNumberFormat="1" applyFont="1" applyFill="1" applyBorder="1" applyAlignment="1">
      <alignment horizontal="center" vertical="center" wrapText="1"/>
    </xf>
    <xf numFmtId="0" fontId="5" fillId="0" borderId="20" xfId="0" applyFont="1" applyFill="1" applyBorder="1" applyAlignment="1">
      <alignment horizontal="left" vertical="center" wrapText="1"/>
    </xf>
    <xf numFmtId="49" fontId="4" fillId="0" borderId="0" xfId="1" applyNumberFormat="1" applyFont="1" applyFill="1" applyBorder="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2/02.%20Oddelenie%20VO/01.%20Prebiehaj&#250;ce%20z&#225;kazky/06.%20Ren&#225;tka/618_2021%20Buni&#269;it&#225;%20vata/02.%20Pr&#237;prava/02.%20&#352;pecifik&#225;cia/&#352;pecifik&#225;cia%20predmetu%20z&#225;kazky%20618%20uprav.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sheetNames>
    <sheetDataSet>
      <sheetData sheetId="0">
        <row r="7">
          <cell r="B7" t="str">
            <v>vo vinutej forme</v>
          </cell>
        </row>
        <row r="8">
          <cell r="B8" t="str">
            <v>vysoko bielená 100% bavlna bez farbív a iných cudzorodých prímesí</v>
          </cell>
        </row>
        <row r="9">
          <cell r="B9" t="str">
            <v>mäkká , kvalitne vyčesaná a zvýšená absorpčná schopnosť</v>
          </cell>
        </row>
        <row r="10">
          <cell r="B10" t="str">
            <v>nesterilná</v>
          </cell>
        </row>
        <row r="11">
          <cell r="B11" t="str">
            <v>1000 g v balení</v>
          </cell>
        </row>
        <row r="12">
          <cell r="B12" t="str">
            <v>vhodná na použitie v zdravotníctve</v>
          </cell>
        </row>
        <row r="14">
          <cell r="B14" t="str">
            <v>v rezoch 20 cm x 30 cm</v>
          </cell>
        </row>
        <row r="15">
          <cell r="B15" t="str">
            <v>vysoko bielená 100% celulóza bez farbív a iných cudzorodých prímesí</v>
          </cell>
        </row>
        <row r="16">
          <cell r="B16" t="str">
            <v>hmotnosť 21g/m2</v>
          </cell>
        </row>
        <row r="17">
          <cell r="B17" t="str">
            <v>mäkká a vysoká vsiakavosť</v>
          </cell>
        </row>
        <row r="18">
          <cell r="B18" t="str">
            <v>vhodná na všetky hygienické účely a účely v zdravotníctve</v>
          </cell>
        </row>
        <row r="19">
          <cell r="B19" t="str">
            <v>balenie 5000 g v balení</v>
          </cell>
        </row>
        <row r="21">
          <cell r="B21" t="str">
            <v>v rezoch 4 - 5 cm x 4 - 5 cm</v>
          </cell>
        </row>
        <row r="22">
          <cell r="B22" t="str">
            <v>vysoko bielená 100% celulóza bez farbív a iných cudzorodých prímesí</v>
          </cell>
        </row>
        <row r="23">
          <cell r="B23" t="str">
            <v>hmotnosť 21g/m2</v>
          </cell>
        </row>
        <row r="24">
          <cell r="B24" t="str">
            <v>mäkká a vysoká vsiakavosť</v>
          </cell>
        </row>
        <row r="25">
          <cell r="B25" t="str">
            <v xml:space="preserve">vhodný na očistenie pokožky pri lokálnej dezinfekcii pred injekciami a infúziami, pri malých zraneniach </v>
          </cell>
        </row>
        <row r="26">
          <cell r="B26" t="str">
            <v>balenie v kotúči 500 ks v roli</v>
          </cell>
        </row>
        <row r="27">
          <cell r="B27" t="str">
            <v>ľahko oddeliteľné</v>
          </cell>
        </row>
        <row r="29">
          <cell r="B29" t="str">
            <v>vo vinutej forme 1000 g</v>
          </cell>
        </row>
        <row r="30">
          <cell r="B30" t="str">
            <v>vysoko bielená 100% celulóza bez farbív a iných cudzorodých prímesí</v>
          </cell>
        </row>
        <row r="31">
          <cell r="B31" t="str">
            <v>hmotnosť 21g/m2</v>
          </cell>
        </row>
        <row r="32">
          <cell r="B32" t="str">
            <v>šírka 60 cm</v>
          </cell>
        </row>
        <row r="33">
          <cell r="B33" t="str">
            <v>mäkká a vysoká vsiakavosť</v>
          </cell>
        </row>
        <row r="34">
          <cell r="B34" t="str">
            <v>nesterilná</v>
          </cell>
        </row>
        <row r="35">
          <cell r="B35" t="str">
            <v>vhodná na všetky hygienické účely a účely v zdravotníctve</v>
          </cell>
        </row>
      </sheetData>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143"/>
  <sheetViews>
    <sheetView showGridLines="0" tabSelected="1" zoomScaleNormal="100" workbookViewId="0">
      <selection activeCell="L16" sqref="L16"/>
    </sheetView>
  </sheetViews>
  <sheetFormatPr defaultRowHeight="12.75" x14ac:dyDescent="0.2"/>
  <cols>
    <col min="1" max="1" width="1.85546875" style="1" customWidth="1"/>
    <col min="2" max="2" width="13.5703125" style="1" customWidth="1"/>
    <col min="3" max="3" width="72.710937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2" t="s">
        <v>50</v>
      </c>
      <c r="C1" s="122"/>
      <c r="D1" s="122"/>
      <c r="E1" s="122"/>
      <c r="F1" s="122"/>
    </row>
    <row r="2" spans="2:6" ht="27.75" customHeight="1" x14ac:dyDescent="0.2">
      <c r="B2" s="121" t="s">
        <v>47</v>
      </c>
      <c r="C2" s="121"/>
      <c r="D2" s="121"/>
      <c r="E2" s="121"/>
      <c r="F2" s="121"/>
    </row>
    <row r="3" spans="2:6" ht="54.75" customHeight="1" x14ac:dyDescent="0.2">
      <c r="B3" s="128" t="s">
        <v>54</v>
      </c>
      <c r="C3" s="128"/>
      <c r="D3" s="128"/>
      <c r="E3" s="128"/>
      <c r="F3" s="128"/>
    </row>
    <row r="4" spans="2:6" ht="24.95" customHeight="1" x14ac:dyDescent="0.2">
      <c r="B4" s="41" t="s">
        <v>53</v>
      </c>
      <c r="C4" s="42"/>
      <c r="D4" s="38"/>
      <c r="E4" s="38"/>
      <c r="F4" s="38"/>
    </row>
    <row r="5" spans="2:6" ht="24.95" customHeight="1" x14ac:dyDescent="0.2">
      <c r="B5" s="41" t="s">
        <v>51</v>
      </c>
      <c r="C5" s="43"/>
      <c r="D5" s="38"/>
      <c r="E5" s="38"/>
      <c r="F5" s="38"/>
    </row>
    <row r="6" spans="2:6" ht="5.0999999999999996" customHeight="1" x14ac:dyDescent="0.2">
      <c r="B6" s="38"/>
      <c r="C6" s="38"/>
      <c r="D6" s="38"/>
      <c r="E6" s="38"/>
      <c r="F6" s="38"/>
    </row>
    <row r="7" spans="2:6" s="2" customFormat="1" ht="20.100000000000001" customHeight="1" x14ac:dyDescent="0.25">
      <c r="B7" s="97" t="s">
        <v>5</v>
      </c>
      <c r="C7" s="97"/>
      <c r="D7" s="97"/>
      <c r="E7" s="97"/>
      <c r="F7" s="97"/>
    </row>
    <row r="8" spans="2:6" s="2" customFormat="1" ht="20.100000000000001" customHeight="1" x14ac:dyDescent="0.25">
      <c r="B8" s="129" t="s">
        <v>9</v>
      </c>
      <c r="C8" s="129"/>
      <c r="D8" s="129"/>
      <c r="E8" s="129"/>
      <c r="F8" s="129"/>
    </row>
    <row r="9" spans="2:6" ht="24.95" customHeight="1" x14ac:dyDescent="0.2">
      <c r="B9" s="73" t="s">
        <v>91</v>
      </c>
      <c r="C9" s="73"/>
      <c r="D9" s="73"/>
      <c r="E9" s="74"/>
      <c r="F9" s="74"/>
    </row>
    <row r="10" spans="2:6" ht="4.5" customHeight="1" x14ac:dyDescent="0.2">
      <c r="B10" s="40"/>
      <c r="C10" s="40"/>
      <c r="D10" s="40"/>
      <c r="E10" s="40"/>
      <c r="F10" s="40"/>
    </row>
    <row r="11" spans="2:6" s="2" customFormat="1" ht="20.100000000000001" customHeight="1" x14ac:dyDescent="0.25">
      <c r="B11" s="130" t="s">
        <v>10</v>
      </c>
      <c r="C11" s="130"/>
      <c r="D11" s="130"/>
      <c r="E11" s="130"/>
      <c r="F11" s="130"/>
    </row>
    <row r="12" spans="2:6" s="2" customFormat="1" ht="20.100000000000001" customHeight="1" x14ac:dyDescent="0.25">
      <c r="B12" s="74" t="s">
        <v>92</v>
      </c>
      <c r="C12" s="74"/>
      <c r="D12" s="74"/>
      <c r="E12" s="44"/>
      <c r="F12" s="44"/>
    </row>
    <row r="13" spans="2:6" s="3" customFormat="1" ht="20.100000000000001" customHeight="1" x14ac:dyDescent="0.25">
      <c r="B13" s="74" t="s">
        <v>27</v>
      </c>
      <c r="C13" s="74"/>
      <c r="D13" s="74"/>
      <c r="E13" s="18"/>
      <c r="F13" s="19"/>
    </row>
    <row r="14" spans="2:6" ht="4.5" customHeight="1" x14ac:dyDescent="0.2">
      <c r="B14" s="45"/>
      <c r="C14" s="45"/>
      <c r="D14" s="45"/>
      <c r="E14" s="40"/>
      <c r="F14" s="40"/>
    </row>
    <row r="15" spans="2:6" ht="20.100000000000001" customHeight="1" x14ac:dyDescent="0.2">
      <c r="B15" s="39" t="s">
        <v>11</v>
      </c>
      <c r="C15" s="20"/>
      <c r="D15" s="20"/>
      <c r="E15" s="21"/>
      <c r="F15" s="21"/>
    </row>
    <row r="16" spans="2:6" s="3" customFormat="1" ht="24.95" customHeight="1" x14ac:dyDescent="0.25">
      <c r="B16" s="98" t="s">
        <v>69</v>
      </c>
      <c r="C16" s="98"/>
      <c r="D16" s="98"/>
      <c r="E16" s="18"/>
      <c r="F16" s="19"/>
    </row>
    <row r="17" spans="2:9" ht="5.0999999999999996" customHeight="1" x14ac:dyDescent="0.2">
      <c r="B17" s="103"/>
      <c r="C17" s="103"/>
      <c r="D17" s="103"/>
      <c r="F17" s="15"/>
    </row>
    <row r="18" spans="2:9" s="2" customFormat="1" ht="20.100000000000001" customHeight="1" x14ac:dyDescent="0.25">
      <c r="B18" s="97" t="s">
        <v>24</v>
      </c>
      <c r="C18" s="97"/>
      <c r="D18" s="97"/>
      <c r="E18" s="97"/>
      <c r="F18" s="97"/>
    </row>
    <row r="19" spans="2:9" ht="33.75" customHeight="1" x14ac:dyDescent="0.2">
      <c r="B19" s="73" t="s">
        <v>128</v>
      </c>
      <c r="C19" s="73"/>
      <c r="D19" s="73"/>
      <c r="E19" s="73"/>
      <c r="F19" s="73"/>
    </row>
    <row r="20" spans="2:9" ht="5.0999999999999996" customHeight="1" x14ac:dyDescent="0.2">
      <c r="B20" s="103"/>
      <c r="C20" s="103"/>
      <c r="D20" s="103"/>
      <c r="F20" s="15"/>
    </row>
    <row r="21" spans="2:9" s="2" customFormat="1" ht="20.100000000000001" customHeight="1" x14ac:dyDescent="0.25">
      <c r="B21" s="97" t="s">
        <v>25</v>
      </c>
      <c r="C21" s="97"/>
      <c r="D21" s="97"/>
      <c r="E21" s="97"/>
      <c r="F21" s="97"/>
    </row>
    <row r="22" spans="2:9" s="9" customFormat="1" ht="20.100000000000001" customHeight="1" x14ac:dyDescent="0.25">
      <c r="B22" s="87" t="s">
        <v>6</v>
      </c>
      <c r="C22" s="87"/>
      <c r="D22" s="87"/>
      <c r="E22" s="87"/>
      <c r="F22" s="87"/>
    </row>
    <row r="23" spans="2:9" s="9" customFormat="1" ht="20.100000000000001" customHeight="1" x14ac:dyDescent="0.25">
      <c r="B23" s="90" t="s">
        <v>18</v>
      </c>
      <c r="C23" s="91"/>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90" t="s">
        <v>19</v>
      </c>
      <c r="C26" s="91"/>
      <c r="D26" s="14"/>
      <c r="E26" s="14"/>
      <c r="F26" s="14"/>
    </row>
    <row r="27" spans="2:9" s="9" customFormat="1" ht="31.5" customHeight="1" x14ac:dyDescent="0.25">
      <c r="B27" s="16" t="s">
        <v>20</v>
      </c>
      <c r="C27" s="88" t="s">
        <v>13</v>
      </c>
      <c r="D27" s="89"/>
      <c r="E27" s="17" t="s">
        <v>12</v>
      </c>
      <c r="F27" s="17" t="s">
        <v>14</v>
      </c>
    </row>
    <row r="28" spans="2:9" s="9" customFormat="1" ht="24.95" customHeight="1" x14ac:dyDescent="0.25">
      <c r="B28" s="46" t="s">
        <v>2</v>
      </c>
      <c r="C28" s="75" t="s">
        <v>94</v>
      </c>
      <c r="D28" s="76"/>
      <c r="E28" s="53" t="s">
        <v>1</v>
      </c>
      <c r="F28" s="72">
        <v>460</v>
      </c>
      <c r="I28" s="52"/>
    </row>
    <row r="29" spans="2:9" s="9" customFormat="1" ht="24.95" customHeight="1" x14ac:dyDescent="0.25">
      <c r="B29" s="46" t="s">
        <v>89</v>
      </c>
      <c r="C29" s="75" t="s">
        <v>95</v>
      </c>
      <c r="D29" s="76"/>
      <c r="E29" s="53" t="s">
        <v>1</v>
      </c>
      <c r="F29" s="72">
        <v>1550</v>
      </c>
      <c r="I29" s="52"/>
    </row>
    <row r="30" spans="2:9" s="9" customFormat="1" ht="24.95" customHeight="1" x14ac:dyDescent="0.25">
      <c r="B30" s="46" t="s">
        <v>90</v>
      </c>
      <c r="C30" s="59" t="s">
        <v>96</v>
      </c>
      <c r="D30" s="60"/>
      <c r="E30" s="53" t="s">
        <v>1</v>
      </c>
      <c r="F30" s="72">
        <v>4500</v>
      </c>
      <c r="I30" s="52"/>
    </row>
    <row r="31" spans="2:9" s="9" customFormat="1" ht="24.95" customHeight="1" x14ac:dyDescent="0.25">
      <c r="B31" s="46" t="s">
        <v>93</v>
      </c>
      <c r="C31" s="75" t="s">
        <v>97</v>
      </c>
      <c r="D31" s="76"/>
      <c r="E31" s="53" t="s">
        <v>1</v>
      </c>
      <c r="F31" s="72">
        <v>590</v>
      </c>
      <c r="I31" s="52"/>
    </row>
    <row r="32" spans="2:9" s="9" customFormat="1" ht="4.5" customHeight="1" x14ac:dyDescent="0.25">
      <c r="B32" s="14"/>
      <c r="C32" s="14"/>
      <c r="D32" s="14"/>
      <c r="E32" s="14"/>
      <c r="F32" s="14"/>
    </row>
    <row r="33" spans="2:7" s="9" customFormat="1" ht="20.100000000000001" customHeight="1" x14ac:dyDescent="0.25">
      <c r="B33" s="90" t="s">
        <v>21</v>
      </c>
      <c r="C33" s="91"/>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97" t="s">
        <v>26</v>
      </c>
      <c r="C37" s="97"/>
      <c r="D37" s="97"/>
      <c r="E37" s="97"/>
      <c r="F37" s="97"/>
    </row>
    <row r="38" spans="2:7" s="2" customFormat="1" ht="5.0999999999999996" customHeight="1" thickBot="1" x14ac:dyDescent="0.3">
      <c r="B38" s="15"/>
      <c r="D38" s="6"/>
      <c r="E38" s="6"/>
      <c r="F38" s="6"/>
    </row>
    <row r="39" spans="2:7" s="3" customFormat="1" ht="93" customHeight="1" x14ac:dyDescent="0.25">
      <c r="B39" s="113" t="s">
        <v>0</v>
      </c>
      <c r="C39" s="117"/>
      <c r="D39" s="82" t="s">
        <v>28</v>
      </c>
      <c r="E39" s="83"/>
      <c r="F39" s="84"/>
      <c r="G39" s="22"/>
    </row>
    <row r="40" spans="2:7" s="3" customFormat="1" ht="30" customHeight="1" thickBot="1" x14ac:dyDescent="0.3">
      <c r="B40" s="115"/>
      <c r="C40" s="118"/>
      <c r="D40" s="23" t="s">
        <v>29</v>
      </c>
      <c r="E40" s="85" t="s">
        <v>30</v>
      </c>
      <c r="F40" s="86"/>
    </row>
    <row r="41" spans="2:7" s="24" customFormat="1" ht="30.75" customHeight="1" x14ac:dyDescent="0.25">
      <c r="B41" s="77" t="s">
        <v>98</v>
      </c>
      <c r="C41" s="78"/>
      <c r="D41" s="78"/>
      <c r="E41" s="78"/>
      <c r="F41" s="79"/>
    </row>
    <row r="42" spans="2:7" s="4" customFormat="1" ht="27" customHeight="1" x14ac:dyDescent="0.25">
      <c r="B42" s="50" t="s">
        <v>16</v>
      </c>
      <c r="C42" s="56" t="str">
        <f>'[1]1'!B7</f>
        <v>vo vinutej forme</v>
      </c>
      <c r="D42" s="47"/>
      <c r="E42" s="92"/>
      <c r="F42" s="93"/>
    </row>
    <row r="43" spans="2:7" s="4" customFormat="1" ht="27" customHeight="1" x14ac:dyDescent="0.25">
      <c r="B43" s="50" t="s">
        <v>59</v>
      </c>
      <c r="C43" s="56" t="str">
        <f>'[1]1'!B8</f>
        <v>vysoko bielená 100% bavlna bez farbív a iných cudzorodých prímesí</v>
      </c>
      <c r="D43" s="47"/>
      <c r="E43" s="119"/>
      <c r="F43" s="120"/>
    </row>
    <row r="44" spans="2:7" s="4" customFormat="1" ht="27" customHeight="1" x14ac:dyDescent="0.25">
      <c r="B44" s="50" t="s">
        <v>60</v>
      </c>
      <c r="C44" s="56" t="str">
        <f>'[1]1'!B9</f>
        <v>mäkká , kvalitne vyčesaná a zvýšená absorpčná schopnosť</v>
      </c>
      <c r="D44" s="47"/>
      <c r="E44" s="92"/>
      <c r="F44" s="93"/>
    </row>
    <row r="45" spans="2:7" s="4" customFormat="1" ht="27" customHeight="1" x14ac:dyDescent="0.25">
      <c r="B45" s="50" t="s">
        <v>61</v>
      </c>
      <c r="C45" s="56" t="str">
        <f>'[1]1'!B10</f>
        <v>nesterilná</v>
      </c>
      <c r="D45" s="47"/>
      <c r="E45" s="92"/>
      <c r="F45" s="93"/>
    </row>
    <row r="46" spans="2:7" s="4" customFormat="1" ht="27" customHeight="1" x14ac:dyDescent="0.25">
      <c r="B46" s="50" t="s">
        <v>62</v>
      </c>
      <c r="C46" s="56" t="str">
        <f>'[1]1'!B11</f>
        <v>1000 g v balení</v>
      </c>
      <c r="D46" s="47"/>
      <c r="E46" s="92"/>
      <c r="F46" s="93"/>
    </row>
    <row r="47" spans="2:7" s="4" customFormat="1" ht="27" customHeight="1" thickBot="1" x14ac:dyDescent="0.3">
      <c r="B47" s="50" t="s">
        <v>63</v>
      </c>
      <c r="C47" s="56" t="str">
        <f>'[1]1'!B12</f>
        <v>vhodná na použitie v zdravotníctve</v>
      </c>
      <c r="D47" s="47"/>
      <c r="E47" s="92"/>
      <c r="F47" s="93"/>
    </row>
    <row r="48" spans="2:7" s="24" customFormat="1" ht="30.75" customHeight="1" x14ac:dyDescent="0.25">
      <c r="B48" s="77" t="s">
        <v>99</v>
      </c>
      <c r="C48" s="78"/>
      <c r="D48" s="78"/>
      <c r="E48" s="78"/>
      <c r="F48" s="79"/>
    </row>
    <row r="49" spans="2:6" s="4" customFormat="1" ht="27" customHeight="1" x14ac:dyDescent="0.25">
      <c r="B49" s="50" t="s">
        <v>16</v>
      </c>
      <c r="C49" s="56" t="str">
        <f>'[1]1'!B14</f>
        <v>v rezoch 20 cm x 30 cm</v>
      </c>
      <c r="D49" s="47"/>
      <c r="E49" s="92"/>
      <c r="F49" s="93"/>
    </row>
    <row r="50" spans="2:6" s="4" customFormat="1" ht="27" customHeight="1" x14ac:dyDescent="0.25">
      <c r="B50" s="50" t="s">
        <v>59</v>
      </c>
      <c r="C50" s="56" t="str">
        <f>'[1]1'!B15</f>
        <v>vysoko bielená 100% celulóza bez farbív a iných cudzorodých prímesí</v>
      </c>
      <c r="D50" s="47"/>
      <c r="E50" s="92"/>
      <c r="F50" s="93"/>
    </row>
    <row r="51" spans="2:6" s="4" customFormat="1" ht="27" customHeight="1" x14ac:dyDescent="0.25">
      <c r="B51" s="50" t="s">
        <v>60</v>
      </c>
      <c r="C51" s="56" t="str">
        <f>'[1]1'!B16</f>
        <v>hmotnosť 21g/m2</v>
      </c>
      <c r="D51" s="47"/>
      <c r="E51" s="92"/>
      <c r="F51" s="93"/>
    </row>
    <row r="52" spans="2:6" s="4" customFormat="1" ht="27" customHeight="1" x14ac:dyDescent="0.25">
      <c r="B52" s="50" t="s">
        <v>61</v>
      </c>
      <c r="C52" s="56" t="str">
        <f>'[1]1'!B17</f>
        <v>mäkká a vysoká vsiakavosť</v>
      </c>
      <c r="D52" s="47"/>
      <c r="E52" s="92"/>
      <c r="F52" s="93"/>
    </row>
    <row r="53" spans="2:6" s="4" customFormat="1" ht="27" customHeight="1" x14ac:dyDescent="0.25">
      <c r="B53" s="50" t="s">
        <v>62</v>
      </c>
      <c r="C53" s="56" t="str">
        <f>'[1]1'!B18</f>
        <v>vhodná na všetky hygienické účely a účely v zdravotníctve</v>
      </c>
      <c r="D53" s="47"/>
      <c r="E53" s="92"/>
      <c r="F53" s="93"/>
    </row>
    <row r="54" spans="2:6" s="4" customFormat="1" ht="27" customHeight="1" thickBot="1" x14ac:dyDescent="0.3">
      <c r="B54" s="50" t="s">
        <v>63</v>
      </c>
      <c r="C54" s="56" t="str">
        <f>'[1]1'!B19</f>
        <v>balenie 5000 g v balení</v>
      </c>
      <c r="D54" s="47"/>
      <c r="E54" s="92"/>
      <c r="F54" s="93"/>
    </row>
    <row r="55" spans="2:6" s="24" customFormat="1" ht="30.75" customHeight="1" x14ac:dyDescent="0.25">
      <c r="B55" s="77" t="s">
        <v>100</v>
      </c>
      <c r="C55" s="78"/>
      <c r="D55" s="78"/>
      <c r="E55" s="78"/>
      <c r="F55" s="79"/>
    </row>
    <row r="56" spans="2:6" s="4" customFormat="1" ht="27" customHeight="1" x14ac:dyDescent="0.25">
      <c r="B56" s="50" t="s">
        <v>16</v>
      </c>
      <c r="C56" s="56" t="str">
        <f>'[1]1'!B21</f>
        <v>v rezoch 4 - 5 cm x 4 - 5 cm</v>
      </c>
      <c r="D56" s="47"/>
      <c r="E56" s="92"/>
      <c r="F56" s="93"/>
    </row>
    <row r="57" spans="2:6" s="4" customFormat="1" ht="27" customHeight="1" x14ac:dyDescent="0.25">
      <c r="B57" s="50" t="s">
        <v>59</v>
      </c>
      <c r="C57" s="56" t="str">
        <f>'[1]1'!B22</f>
        <v>vysoko bielená 100% celulóza bez farbív a iných cudzorodých prímesí</v>
      </c>
      <c r="D57" s="47"/>
      <c r="E57" s="92"/>
      <c r="F57" s="93"/>
    </row>
    <row r="58" spans="2:6" s="4" customFormat="1" ht="27" customHeight="1" x14ac:dyDescent="0.25">
      <c r="B58" s="50" t="s">
        <v>60</v>
      </c>
      <c r="C58" s="56" t="str">
        <f>'[1]1'!B23</f>
        <v>hmotnosť 21g/m2</v>
      </c>
      <c r="D58" s="47"/>
      <c r="E58" s="92"/>
      <c r="F58" s="93"/>
    </row>
    <row r="59" spans="2:6" s="4" customFormat="1" ht="27" customHeight="1" x14ac:dyDescent="0.25">
      <c r="B59" s="50" t="s">
        <v>61</v>
      </c>
      <c r="C59" s="56" t="str">
        <f>'[1]1'!B24</f>
        <v>mäkká a vysoká vsiakavosť</v>
      </c>
      <c r="D59" s="47"/>
      <c r="E59" s="92"/>
      <c r="F59" s="93"/>
    </row>
    <row r="60" spans="2:6" s="4" customFormat="1" ht="27" customHeight="1" x14ac:dyDescent="0.25">
      <c r="B60" s="50" t="s">
        <v>62</v>
      </c>
      <c r="C60" s="56" t="str">
        <f>'[1]1'!B25</f>
        <v xml:space="preserve">vhodný na očistenie pokožky pri lokálnej dezinfekcii pred injekciami a infúziami, pri malých zraneniach </v>
      </c>
      <c r="D60" s="47"/>
      <c r="E60" s="92"/>
      <c r="F60" s="93"/>
    </row>
    <row r="61" spans="2:6" s="4" customFormat="1" ht="27" customHeight="1" x14ac:dyDescent="0.25">
      <c r="B61" s="50" t="s">
        <v>63</v>
      </c>
      <c r="C61" s="56" t="str">
        <f>'[1]1'!B26</f>
        <v>balenie v kotúči 500 ks v roli</v>
      </c>
      <c r="D61" s="47"/>
      <c r="E61" s="92"/>
      <c r="F61" s="93"/>
    </row>
    <row r="62" spans="2:6" s="4" customFormat="1" ht="27" customHeight="1" thickBot="1" x14ac:dyDescent="0.3">
      <c r="B62" s="67" t="s">
        <v>70</v>
      </c>
      <c r="C62" s="57" t="str">
        <f>'[1]1'!B27</f>
        <v>ľahko oddeliteľné</v>
      </c>
      <c r="D62" s="54"/>
      <c r="E62" s="126"/>
      <c r="F62" s="127"/>
    </row>
    <row r="63" spans="2:6" s="4" customFormat="1" ht="30.75" customHeight="1" x14ac:dyDescent="0.25">
      <c r="B63" s="123" t="s">
        <v>101</v>
      </c>
      <c r="C63" s="124"/>
      <c r="D63" s="124"/>
      <c r="E63" s="124"/>
      <c r="F63" s="125"/>
    </row>
    <row r="64" spans="2:6" s="4" customFormat="1" ht="27" customHeight="1" thickBot="1" x14ac:dyDescent="0.3">
      <c r="B64" s="65" t="s">
        <v>16</v>
      </c>
      <c r="C64" s="64" t="str">
        <f>'[1]1'!B29</f>
        <v>vo vinutej forme 1000 g</v>
      </c>
      <c r="D64" s="66"/>
      <c r="E64" s="101"/>
      <c r="F64" s="102"/>
    </row>
    <row r="65" spans="2:6" s="4" customFormat="1" ht="27" customHeight="1" x14ac:dyDescent="0.25">
      <c r="B65" s="61" t="s">
        <v>59</v>
      </c>
      <c r="C65" s="56" t="str">
        <f>'[1]1'!B30</f>
        <v>vysoko bielená 100% celulóza bez farbív a iných cudzorodých prímesí</v>
      </c>
      <c r="D65" s="63"/>
      <c r="E65" s="101"/>
      <c r="F65" s="102"/>
    </row>
    <row r="66" spans="2:6" s="4" customFormat="1" ht="27" customHeight="1" x14ac:dyDescent="0.25">
      <c r="B66" s="61" t="s">
        <v>60</v>
      </c>
      <c r="C66" s="56" t="str">
        <f>'[1]1'!B31</f>
        <v>hmotnosť 21g/m2</v>
      </c>
      <c r="D66" s="63"/>
      <c r="E66" s="101"/>
      <c r="F66" s="102"/>
    </row>
    <row r="67" spans="2:6" s="4" customFormat="1" ht="27" customHeight="1" x14ac:dyDescent="0.25">
      <c r="B67" s="61" t="s">
        <v>61</v>
      </c>
      <c r="C67" s="56" t="str">
        <f>'[1]1'!B32</f>
        <v>šírka 60 cm</v>
      </c>
      <c r="D67" s="63"/>
      <c r="E67" s="101"/>
      <c r="F67" s="102"/>
    </row>
    <row r="68" spans="2:6" s="4" customFormat="1" ht="27" customHeight="1" x14ac:dyDescent="0.25">
      <c r="B68" s="61" t="s">
        <v>62</v>
      </c>
      <c r="C68" s="56" t="str">
        <f>'[1]1'!B33</f>
        <v>mäkká a vysoká vsiakavosť</v>
      </c>
      <c r="D68" s="63"/>
      <c r="E68" s="101"/>
      <c r="F68" s="102"/>
    </row>
    <row r="69" spans="2:6" s="4" customFormat="1" ht="27" customHeight="1" x14ac:dyDescent="0.25">
      <c r="B69" s="61" t="s">
        <v>63</v>
      </c>
      <c r="C69" s="56" t="str">
        <f>'[1]1'!B34</f>
        <v>nesterilná</v>
      </c>
      <c r="D69" s="63"/>
      <c r="E69" s="101"/>
      <c r="F69" s="102"/>
    </row>
    <row r="70" spans="2:6" s="4" customFormat="1" ht="27" customHeight="1" thickBot="1" x14ac:dyDescent="0.3">
      <c r="B70" s="62" t="s">
        <v>70</v>
      </c>
      <c r="C70" s="57" t="str">
        <f>'[1]1'!B35</f>
        <v>vhodná na všetky hygienické účely a účely v zdravotníctve</v>
      </c>
      <c r="D70" s="68"/>
      <c r="E70" s="111"/>
      <c r="F70" s="112"/>
    </row>
    <row r="71" spans="2:6" s="3" customFormat="1" ht="5.0999999999999996" customHeight="1" x14ac:dyDescent="0.25">
      <c r="B71" s="5"/>
      <c r="C71" s="5"/>
      <c r="D71" s="7"/>
      <c r="E71" s="7"/>
      <c r="F71" s="25"/>
    </row>
    <row r="72" spans="2:6" s="2" customFormat="1" ht="20.100000000000001" customHeight="1" x14ac:dyDescent="0.25">
      <c r="B72" s="97" t="s">
        <v>48</v>
      </c>
      <c r="C72" s="97"/>
      <c r="D72" s="97"/>
      <c r="E72" s="97"/>
      <c r="F72" s="97"/>
    </row>
    <row r="73" spans="2:6" s="2" customFormat="1" ht="5.0999999999999996" customHeight="1" thickBot="1" x14ac:dyDescent="0.3">
      <c r="B73" s="15"/>
      <c r="D73" s="58"/>
      <c r="E73" s="58"/>
      <c r="F73" s="58"/>
    </row>
    <row r="74" spans="2:6" s="3" customFormat="1" ht="69" customHeight="1" x14ac:dyDescent="0.25">
      <c r="B74" s="113" t="s">
        <v>8</v>
      </c>
      <c r="C74" s="114"/>
      <c r="D74" s="94" t="s">
        <v>31</v>
      </c>
      <c r="E74" s="95"/>
      <c r="F74" s="96"/>
    </row>
    <row r="75" spans="2:6" s="3" customFormat="1" ht="30" customHeight="1" thickBot="1" x14ac:dyDescent="0.3">
      <c r="B75" s="115"/>
      <c r="C75" s="116"/>
      <c r="D75" s="23" t="s">
        <v>7</v>
      </c>
      <c r="E75" s="85" t="s">
        <v>32</v>
      </c>
      <c r="F75" s="86"/>
    </row>
    <row r="76" spans="2:6" s="2" customFormat="1" ht="38.25" x14ac:dyDescent="0.25">
      <c r="B76" s="51" t="s">
        <v>80</v>
      </c>
      <c r="C76" s="26" t="s">
        <v>102</v>
      </c>
      <c r="D76" s="47"/>
      <c r="E76" s="99"/>
      <c r="F76" s="100"/>
    </row>
    <row r="77" spans="2:6" s="2" customFormat="1" ht="38.25" x14ac:dyDescent="0.25">
      <c r="B77" s="51" t="s">
        <v>59</v>
      </c>
      <c r="C77" s="26" t="s">
        <v>81</v>
      </c>
      <c r="D77" s="47"/>
      <c r="E77" s="80"/>
      <c r="F77" s="81"/>
    </row>
    <row r="78" spans="2:6" s="2" customFormat="1" ht="21" customHeight="1" x14ac:dyDescent="0.25">
      <c r="B78" s="51" t="s">
        <v>60</v>
      </c>
      <c r="C78" s="26" t="s">
        <v>103</v>
      </c>
      <c r="D78" s="47" t="s">
        <v>88</v>
      </c>
      <c r="E78" s="80"/>
      <c r="F78" s="81"/>
    </row>
    <row r="79" spans="2:6" s="2" customFormat="1" ht="21" customHeight="1" x14ac:dyDescent="0.25">
      <c r="B79" s="71" t="s">
        <v>82</v>
      </c>
      <c r="C79" s="26" t="s">
        <v>104</v>
      </c>
      <c r="D79" s="47"/>
      <c r="E79" s="80"/>
      <c r="F79" s="81"/>
    </row>
    <row r="80" spans="2:6" s="2" customFormat="1" ht="31.5" customHeight="1" x14ac:dyDescent="0.25">
      <c r="B80" s="71" t="s">
        <v>83</v>
      </c>
      <c r="C80" s="26" t="s">
        <v>105</v>
      </c>
      <c r="D80" s="47"/>
      <c r="E80" s="80"/>
      <c r="F80" s="81"/>
    </row>
    <row r="81" spans="2:6" s="2" customFormat="1" ht="21" customHeight="1" x14ac:dyDescent="0.25">
      <c r="B81" s="71" t="s">
        <v>84</v>
      </c>
      <c r="C81" s="26" t="s">
        <v>106</v>
      </c>
      <c r="D81" s="47"/>
      <c r="E81" s="80"/>
      <c r="F81" s="81"/>
    </row>
    <row r="82" spans="2:6" s="2" customFormat="1" ht="41.25" customHeight="1" x14ac:dyDescent="0.25">
      <c r="B82" s="71" t="s">
        <v>85</v>
      </c>
      <c r="C82" s="26" t="s">
        <v>107</v>
      </c>
      <c r="D82" s="47"/>
      <c r="E82" s="80"/>
      <c r="F82" s="81"/>
    </row>
    <row r="83" spans="2:6" s="2" customFormat="1" ht="117" customHeight="1" x14ac:dyDescent="0.25">
      <c r="B83" s="71" t="s">
        <v>86</v>
      </c>
      <c r="C83" s="26" t="s">
        <v>108</v>
      </c>
      <c r="D83" s="47"/>
      <c r="E83" s="80"/>
      <c r="F83" s="81"/>
    </row>
    <row r="84" spans="2:6" s="2" customFormat="1" ht="118.5" customHeight="1" x14ac:dyDescent="0.25">
      <c r="B84" s="51" t="s">
        <v>61</v>
      </c>
      <c r="C84" s="26" t="s">
        <v>109</v>
      </c>
      <c r="D84" s="47"/>
      <c r="E84" s="80"/>
      <c r="F84" s="81"/>
    </row>
    <row r="85" spans="2:6" s="2" customFormat="1" ht="45.75" customHeight="1" x14ac:dyDescent="0.25">
      <c r="B85" s="51" t="s">
        <v>62</v>
      </c>
      <c r="C85" s="26" t="s">
        <v>110</v>
      </c>
      <c r="D85" s="47"/>
      <c r="E85" s="80"/>
      <c r="F85" s="81"/>
    </row>
    <row r="86" spans="2:6" s="2" customFormat="1" ht="51" x14ac:dyDescent="0.25">
      <c r="B86" s="51" t="s">
        <v>63</v>
      </c>
      <c r="C86" s="26" t="s">
        <v>111</v>
      </c>
      <c r="D86" s="47"/>
      <c r="E86" s="80"/>
      <c r="F86" s="81"/>
    </row>
    <row r="87" spans="2:6" s="2" customFormat="1" ht="81" customHeight="1" x14ac:dyDescent="0.25">
      <c r="B87" s="51" t="s">
        <v>70</v>
      </c>
      <c r="C87" s="69" t="s">
        <v>112</v>
      </c>
      <c r="D87" s="47"/>
      <c r="E87" s="80"/>
      <c r="F87" s="81"/>
    </row>
    <row r="88" spans="2:6" s="2" customFormat="1" ht="76.5" x14ac:dyDescent="0.25">
      <c r="B88" s="51" t="s">
        <v>64</v>
      </c>
      <c r="C88" s="69" t="s">
        <v>113</v>
      </c>
      <c r="D88" s="47"/>
      <c r="E88" s="80"/>
      <c r="F88" s="81"/>
    </row>
    <row r="89" spans="2:6" s="2" customFormat="1" ht="229.5" x14ac:dyDescent="0.25">
      <c r="B89" s="51" t="s">
        <v>65</v>
      </c>
      <c r="C89" s="26" t="s">
        <v>114</v>
      </c>
      <c r="D89" s="47"/>
      <c r="E89" s="80"/>
      <c r="F89" s="81"/>
    </row>
    <row r="90" spans="2:6" s="2" customFormat="1" ht="114.75" x14ac:dyDescent="0.25">
      <c r="B90" s="51" t="s">
        <v>66</v>
      </c>
      <c r="C90" s="26" t="s">
        <v>115</v>
      </c>
      <c r="D90" s="47"/>
      <c r="E90" s="80"/>
      <c r="F90" s="81"/>
    </row>
    <row r="91" spans="2:6" s="2" customFormat="1" ht="51" x14ac:dyDescent="0.25">
      <c r="B91" s="71" t="s">
        <v>127</v>
      </c>
      <c r="C91" s="26" t="s">
        <v>116</v>
      </c>
      <c r="D91" s="47"/>
      <c r="E91" s="80"/>
      <c r="F91" s="81"/>
    </row>
    <row r="92" spans="2:6" s="2" customFormat="1" ht="114.75" x14ac:dyDescent="0.25">
      <c r="B92" s="51" t="s">
        <v>67</v>
      </c>
      <c r="C92" s="26" t="s">
        <v>117</v>
      </c>
      <c r="D92" s="47"/>
      <c r="E92" s="80"/>
      <c r="F92" s="81"/>
    </row>
    <row r="93" spans="2:6" s="2" customFormat="1" ht="114.75" x14ac:dyDescent="0.25">
      <c r="B93" s="51" t="s">
        <v>71</v>
      </c>
      <c r="C93" s="26" t="s">
        <v>118</v>
      </c>
      <c r="D93" s="47"/>
      <c r="E93" s="80"/>
      <c r="F93" s="81"/>
    </row>
    <row r="94" spans="2:6" s="2" customFormat="1" ht="63.75" x14ac:dyDescent="0.25">
      <c r="B94" s="51" t="s">
        <v>72</v>
      </c>
      <c r="C94" s="26" t="s">
        <v>119</v>
      </c>
      <c r="D94" s="47"/>
      <c r="E94" s="80"/>
      <c r="F94" s="81"/>
    </row>
    <row r="95" spans="2:6" s="2" customFormat="1" ht="63.75" x14ac:dyDescent="0.25">
      <c r="B95" s="51" t="s">
        <v>68</v>
      </c>
      <c r="C95" s="26" t="s">
        <v>120</v>
      </c>
      <c r="D95" s="47"/>
      <c r="E95" s="80"/>
      <c r="F95" s="81"/>
    </row>
    <row r="96" spans="2:6" s="2" customFormat="1" ht="29.25" customHeight="1" x14ac:dyDescent="0.25">
      <c r="B96" s="51" t="s">
        <v>73</v>
      </c>
      <c r="C96" s="26" t="s">
        <v>79</v>
      </c>
      <c r="D96" s="47"/>
      <c r="E96" s="80"/>
      <c r="F96" s="81"/>
    </row>
    <row r="97" spans="2:7" s="2" customFormat="1" ht="51" x14ac:dyDescent="0.25">
      <c r="B97" s="51" t="s">
        <v>74</v>
      </c>
      <c r="C97" s="26" t="s">
        <v>121</v>
      </c>
      <c r="D97" s="47"/>
      <c r="E97" s="80"/>
      <c r="F97" s="81"/>
    </row>
    <row r="98" spans="2:7" s="2" customFormat="1" ht="76.5" x14ac:dyDescent="0.25">
      <c r="B98" s="51" t="s">
        <v>75</v>
      </c>
      <c r="C98" s="26" t="s">
        <v>87</v>
      </c>
      <c r="D98" s="47"/>
      <c r="E98" s="80"/>
      <c r="F98" s="81"/>
    </row>
    <row r="99" spans="2:7" s="2" customFormat="1" ht="191.25" x14ac:dyDescent="0.25">
      <c r="B99" s="51" t="s">
        <v>126</v>
      </c>
      <c r="C99" s="70" t="s">
        <v>122</v>
      </c>
      <c r="D99" s="47"/>
      <c r="E99" s="80"/>
      <c r="F99" s="81"/>
    </row>
    <row r="100" spans="2:7" s="2" customFormat="1" ht="89.25" x14ac:dyDescent="0.25">
      <c r="B100" s="51" t="s">
        <v>76</v>
      </c>
      <c r="C100" s="70" t="s">
        <v>123</v>
      </c>
      <c r="D100" s="47"/>
      <c r="E100" s="80"/>
      <c r="F100" s="81"/>
    </row>
    <row r="101" spans="2:7" s="2" customFormat="1" ht="114.75" x14ac:dyDescent="0.25">
      <c r="B101" s="51" t="s">
        <v>77</v>
      </c>
      <c r="C101" s="26" t="s">
        <v>124</v>
      </c>
      <c r="D101" s="47"/>
      <c r="E101" s="80"/>
      <c r="F101" s="81"/>
    </row>
    <row r="102" spans="2:7" s="2" customFormat="1" ht="64.5" thickBot="1" x14ac:dyDescent="0.3">
      <c r="B102" s="55" t="s">
        <v>78</v>
      </c>
      <c r="C102" s="137" t="s">
        <v>125</v>
      </c>
      <c r="D102" s="54"/>
      <c r="E102" s="131"/>
      <c r="F102" s="132"/>
    </row>
    <row r="103" spans="2:7" s="3" customFormat="1" ht="5.0999999999999996" customHeight="1" x14ac:dyDescent="0.25">
      <c r="B103" s="5"/>
      <c r="C103" s="5"/>
      <c r="D103" s="7"/>
      <c r="E103" s="7"/>
      <c r="F103" s="25"/>
      <c r="G103" s="2"/>
    </row>
    <row r="104" spans="2:7" s="2" customFormat="1" ht="20.100000000000001" customHeight="1" x14ac:dyDescent="0.25">
      <c r="B104" s="97" t="s">
        <v>55</v>
      </c>
      <c r="C104" s="97"/>
      <c r="D104" s="97"/>
      <c r="E104" s="97"/>
      <c r="F104" s="97"/>
    </row>
    <row r="105" spans="2:7" s="2" customFormat="1" ht="4.5" customHeight="1" thickBot="1" x14ac:dyDescent="0.3"/>
    <row r="106" spans="2:7" s="2" customFormat="1" ht="80.25" customHeight="1" x14ac:dyDescent="0.25">
      <c r="B106" s="113" t="s">
        <v>56</v>
      </c>
      <c r="C106" s="117"/>
      <c r="D106" s="82" t="s">
        <v>57</v>
      </c>
      <c r="E106" s="83"/>
      <c r="F106" s="84"/>
    </row>
    <row r="107" spans="2:7" s="3" customFormat="1" ht="29.25" customHeight="1" thickBot="1" x14ac:dyDescent="0.3">
      <c r="B107" s="115"/>
      <c r="C107" s="118"/>
      <c r="D107" s="23" t="s">
        <v>7</v>
      </c>
      <c r="E107" s="133" t="s">
        <v>32</v>
      </c>
      <c r="F107" s="134"/>
      <c r="G107" s="2"/>
    </row>
    <row r="108" spans="2:7" s="3" customFormat="1" ht="27" customHeight="1" x14ac:dyDescent="0.25">
      <c r="B108" s="138" t="s">
        <v>16</v>
      </c>
      <c r="C108" s="139" t="s">
        <v>129</v>
      </c>
      <c r="D108" s="48"/>
      <c r="E108" s="135"/>
      <c r="F108" s="136"/>
      <c r="G108" s="2"/>
    </row>
    <row r="109" spans="2:7" s="3" customFormat="1" ht="30.75" customHeight="1" thickBot="1" x14ac:dyDescent="0.3">
      <c r="B109" s="140" t="s">
        <v>59</v>
      </c>
      <c r="C109" s="141" t="s">
        <v>58</v>
      </c>
      <c r="D109" s="49"/>
      <c r="E109" s="131"/>
      <c r="F109" s="132"/>
      <c r="G109" s="2"/>
    </row>
    <row r="110" spans="2:7" s="2" customFormat="1" ht="5.0999999999999996" customHeight="1" x14ac:dyDescent="0.25">
      <c r="B110" s="5"/>
      <c r="C110" s="5"/>
      <c r="D110" s="7"/>
      <c r="E110" s="7"/>
      <c r="F110" s="25"/>
    </row>
    <row r="111" spans="2:7" s="2" customFormat="1" ht="20.100000000000001" customHeight="1" x14ac:dyDescent="0.25">
      <c r="B111" s="97" t="s">
        <v>15</v>
      </c>
      <c r="C111" s="97"/>
      <c r="D111" s="97"/>
      <c r="E111" s="97"/>
      <c r="F111" s="97"/>
    </row>
    <row r="112" spans="2:7" s="3" customFormat="1" ht="30" customHeight="1" x14ac:dyDescent="0.25">
      <c r="B112" s="5" t="s">
        <v>17</v>
      </c>
      <c r="C112" s="107" t="s">
        <v>49</v>
      </c>
      <c r="D112" s="107"/>
      <c r="E112" s="107"/>
      <c r="F112" s="107"/>
      <c r="G112" s="2"/>
    </row>
    <row r="113" spans="2:7" s="28" customFormat="1" ht="30" customHeight="1" x14ac:dyDescent="0.25">
      <c r="B113" s="5" t="s">
        <v>33</v>
      </c>
      <c r="C113" s="142" t="s">
        <v>34</v>
      </c>
      <c r="D113" s="142"/>
      <c r="E113" s="142"/>
      <c r="F113" s="142"/>
      <c r="G113" s="2"/>
    </row>
    <row r="114" spans="2:7" s="28" customFormat="1" ht="30" customHeight="1" x14ac:dyDescent="0.25">
      <c r="B114" s="108" t="s">
        <v>35</v>
      </c>
      <c r="C114" s="108"/>
      <c r="D114" s="108"/>
      <c r="E114" s="108"/>
      <c r="F114" s="3"/>
      <c r="G114" s="2"/>
    </row>
    <row r="115" spans="2:7" s="2" customFormat="1" ht="24.95" customHeight="1" x14ac:dyDescent="0.25">
      <c r="B115" s="27" t="s">
        <v>36</v>
      </c>
      <c r="C115" s="105"/>
      <c r="D115" s="105"/>
      <c r="F115" s="28"/>
    </row>
    <row r="116" spans="2:7" s="2" customFormat="1" ht="24.95" customHeight="1" x14ac:dyDescent="0.25">
      <c r="B116" s="27" t="s">
        <v>37</v>
      </c>
      <c r="C116" s="105"/>
      <c r="D116" s="105"/>
      <c r="F116" s="28"/>
    </row>
    <row r="117" spans="2:7" s="2" customFormat="1" ht="24.95" customHeight="1" x14ac:dyDescent="0.25">
      <c r="B117" s="27" t="s">
        <v>38</v>
      </c>
      <c r="C117" s="105"/>
      <c r="D117" s="105"/>
      <c r="F117" s="28"/>
    </row>
    <row r="118" spans="2:7" s="3" customFormat="1" ht="24.95" customHeight="1" x14ac:dyDescent="0.25">
      <c r="B118" s="27" t="s">
        <v>39</v>
      </c>
      <c r="C118" s="105"/>
      <c r="D118" s="105"/>
      <c r="E118" s="2"/>
      <c r="F118" s="29"/>
      <c r="G118" s="2"/>
    </row>
    <row r="119" spans="2:7" s="2" customFormat="1" ht="14.25" customHeight="1" x14ac:dyDescent="0.2">
      <c r="B119" s="11"/>
      <c r="C119" s="12"/>
      <c r="D119" s="12"/>
      <c r="F119" s="30"/>
    </row>
    <row r="120" spans="2:7" s="3" customFormat="1" ht="15" customHeight="1" x14ac:dyDescent="0.25">
      <c r="B120" s="109" t="s">
        <v>40</v>
      </c>
      <c r="C120" s="109"/>
      <c r="D120" s="109"/>
      <c r="E120" s="109"/>
      <c r="F120" s="109"/>
    </row>
    <row r="121" spans="2:7" s="2" customFormat="1" ht="36.75" customHeight="1" x14ac:dyDescent="0.25">
      <c r="B121" s="106" t="s">
        <v>52</v>
      </c>
      <c r="C121" s="106"/>
      <c r="D121" s="106"/>
      <c r="E121" s="106"/>
      <c r="F121" s="106"/>
    </row>
    <row r="122" spans="2:7" s="2" customFormat="1" ht="20.100000000000001" customHeight="1" x14ac:dyDescent="0.2">
      <c r="B122" s="1"/>
      <c r="C122" s="1"/>
      <c r="D122" s="8"/>
      <c r="E122" s="8"/>
    </row>
    <row r="123" spans="2:7" s="3" customFormat="1" ht="4.5" customHeight="1" x14ac:dyDescent="0.2">
      <c r="B123" s="1"/>
      <c r="C123" s="1"/>
      <c r="D123" s="8"/>
      <c r="E123" s="8"/>
      <c r="F123" s="2"/>
    </row>
    <row r="124" spans="2:7" s="3" customFormat="1" ht="20.100000000000001" customHeight="1" x14ac:dyDescent="0.25">
      <c r="B124" s="31" t="s">
        <v>41</v>
      </c>
      <c r="C124" s="32"/>
      <c r="D124" s="33" t="s">
        <v>42</v>
      </c>
      <c r="E124" s="110"/>
      <c r="F124" s="110"/>
    </row>
    <row r="125" spans="2:7" s="3" customFormat="1" ht="20.100000000000001" customHeight="1" x14ac:dyDescent="0.25">
      <c r="B125" s="34"/>
      <c r="C125" s="34"/>
      <c r="D125" s="34"/>
      <c r="E125" s="35"/>
      <c r="F125" s="35"/>
    </row>
    <row r="126" spans="2:7" ht="20.100000000000001" customHeight="1" x14ac:dyDescent="0.2">
      <c r="B126" s="31" t="s">
        <v>43</v>
      </c>
      <c r="C126" s="32"/>
      <c r="D126" s="36" t="s">
        <v>44</v>
      </c>
      <c r="E126" s="104"/>
      <c r="F126" s="104"/>
    </row>
    <row r="127" spans="2:7" s="2" customFormat="1" ht="20.100000000000001" customHeight="1" x14ac:dyDescent="0.2">
      <c r="B127" s="1"/>
      <c r="C127" s="1"/>
      <c r="D127" s="36" t="s">
        <v>45</v>
      </c>
      <c r="E127" s="105"/>
      <c r="F127" s="105"/>
    </row>
    <row r="128" spans="2:7" s="2" customFormat="1" ht="20.100000000000001" customHeight="1" x14ac:dyDescent="0.2">
      <c r="B128" s="1"/>
      <c r="C128" s="1"/>
      <c r="D128" s="37" t="s">
        <v>46</v>
      </c>
      <c r="E128" s="1"/>
    </row>
    <row r="129" spans="2:5" s="2" customFormat="1" ht="37.5" customHeight="1" x14ac:dyDescent="0.25"/>
    <row r="130" spans="2:5" s="2" customFormat="1" ht="24" customHeight="1" x14ac:dyDescent="0.25"/>
    <row r="131" spans="2:5" s="2" customFormat="1" ht="24" customHeight="1" x14ac:dyDescent="0.25"/>
    <row r="132" spans="2:5" s="2" customFormat="1" ht="24" customHeight="1" x14ac:dyDescent="0.25"/>
    <row r="133" spans="2:5" s="2" customFormat="1" ht="20.100000000000001" customHeight="1" x14ac:dyDescent="0.25"/>
    <row r="134" spans="2:5" s="2" customFormat="1" ht="20.100000000000001" customHeight="1" x14ac:dyDescent="0.25"/>
    <row r="135" spans="2:5" s="2" customFormat="1" ht="50.1" customHeight="1" x14ac:dyDescent="0.25"/>
    <row r="136" spans="2:5" s="2" customFormat="1" ht="43.5" customHeight="1" x14ac:dyDescent="0.25"/>
    <row r="137" spans="2:5" ht="24.75" customHeight="1" x14ac:dyDescent="0.2">
      <c r="B137" s="2"/>
      <c r="C137" s="2"/>
      <c r="D137" s="2"/>
      <c r="E137" s="2"/>
    </row>
    <row r="138" spans="2:5" x14ac:dyDescent="0.2">
      <c r="B138" s="2"/>
      <c r="C138" s="2"/>
      <c r="D138" s="2"/>
      <c r="E138" s="2"/>
    </row>
    <row r="139" spans="2:5" ht="20.100000000000001" customHeight="1" x14ac:dyDescent="0.2"/>
    <row r="140" spans="2:5" ht="4.5" customHeight="1" x14ac:dyDescent="0.2"/>
    <row r="141" spans="2:5" ht="20.100000000000001" customHeight="1" x14ac:dyDescent="0.2"/>
    <row r="142" spans="2:5" ht="20.100000000000001" customHeight="1" x14ac:dyDescent="0.2"/>
    <row r="143" spans="2:5" ht="20.100000000000001" customHeight="1" x14ac:dyDescent="0.2"/>
  </sheetData>
  <mergeCells count="108">
    <mergeCell ref="E109:F109"/>
    <mergeCell ref="B104:F104"/>
    <mergeCell ref="B106:C107"/>
    <mergeCell ref="D106:F106"/>
    <mergeCell ref="E107:F107"/>
    <mergeCell ref="E77:F77"/>
    <mergeCell ref="E108:F108"/>
    <mergeCell ref="E79:F79"/>
    <mergeCell ref="E80:F80"/>
    <mergeCell ref="E81:F81"/>
    <mergeCell ref="E82:F82"/>
    <mergeCell ref="E83:F83"/>
    <mergeCell ref="E84:F84"/>
    <mergeCell ref="E85:F85"/>
    <mergeCell ref="E78:F78"/>
    <mergeCell ref="E98:F98"/>
    <mergeCell ref="E99:F99"/>
    <mergeCell ref="E100:F100"/>
    <mergeCell ref="E101:F101"/>
    <mergeCell ref="E102:F102"/>
    <mergeCell ref="E89:F89"/>
    <mergeCell ref="E90:F90"/>
    <mergeCell ref="E94:F94"/>
    <mergeCell ref="E95:F95"/>
    <mergeCell ref="B2:F2"/>
    <mergeCell ref="B1:F1"/>
    <mergeCell ref="B23:C23"/>
    <mergeCell ref="B26:C26"/>
    <mergeCell ref="E46:F46"/>
    <mergeCell ref="E47:F47"/>
    <mergeCell ref="B63:F63"/>
    <mergeCell ref="E59:F59"/>
    <mergeCell ref="E60:F60"/>
    <mergeCell ref="E61:F61"/>
    <mergeCell ref="E62:F62"/>
    <mergeCell ref="E56:F56"/>
    <mergeCell ref="E57:F57"/>
    <mergeCell ref="B17:D17"/>
    <mergeCell ref="B18:F18"/>
    <mergeCell ref="B3:F3"/>
    <mergeCell ref="B7:F7"/>
    <mergeCell ref="B8:F8"/>
    <mergeCell ref="B11:F11"/>
    <mergeCell ref="E51:F51"/>
    <mergeCell ref="E49:F49"/>
    <mergeCell ref="E50:F50"/>
    <mergeCell ref="E52:F52"/>
    <mergeCell ref="B13:D13"/>
    <mergeCell ref="E97:F97"/>
    <mergeCell ref="E53:F53"/>
    <mergeCell ref="E54:F54"/>
    <mergeCell ref="B72:F72"/>
    <mergeCell ref="B41:F41"/>
    <mergeCell ref="E42:F42"/>
    <mergeCell ref="C31:D31"/>
    <mergeCell ref="B37:F37"/>
    <mergeCell ref="B39:C40"/>
    <mergeCell ref="E43:F43"/>
    <mergeCell ref="E44:F44"/>
    <mergeCell ref="E45:F45"/>
    <mergeCell ref="B19:F19"/>
    <mergeCell ref="B20:D20"/>
    <mergeCell ref="E126:F126"/>
    <mergeCell ref="E127:F127"/>
    <mergeCell ref="B121:F121"/>
    <mergeCell ref="B111:F111"/>
    <mergeCell ref="C112:F112"/>
    <mergeCell ref="C113:F113"/>
    <mergeCell ref="B114:E114"/>
    <mergeCell ref="B120:F120"/>
    <mergeCell ref="C115:D115"/>
    <mergeCell ref="C116:D116"/>
    <mergeCell ref="C117:D117"/>
    <mergeCell ref="C118:D118"/>
    <mergeCell ref="E124:F124"/>
    <mergeCell ref="E91:F91"/>
    <mergeCell ref="E92:F92"/>
    <mergeCell ref="E93:F93"/>
    <mergeCell ref="E67:F67"/>
    <mergeCell ref="E68:F68"/>
    <mergeCell ref="E69:F69"/>
    <mergeCell ref="E70:F70"/>
    <mergeCell ref="B74:C75"/>
    <mergeCell ref="E96:F96"/>
    <mergeCell ref="B9:D9"/>
    <mergeCell ref="E9:F9"/>
    <mergeCell ref="C28:D28"/>
    <mergeCell ref="C29:D29"/>
    <mergeCell ref="B48:F48"/>
    <mergeCell ref="B55:F55"/>
    <mergeCell ref="E86:F86"/>
    <mergeCell ref="E87:F87"/>
    <mergeCell ref="E88:F88"/>
    <mergeCell ref="D39:F39"/>
    <mergeCell ref="E40:F40"/>
    <mergeCell ref="B22:F22"/>
    <mergeCell ref="C27:D27"/>
    <mergeCell ref="B33:C33"/>
    <mergeCell ref="E58:F58"/>
    <mergeCell ref="D74:F74"/>
    <mergeCell ref="E75:F75"/>
    <mergeCell ref="B21:F21"/>
    <mergeCell ref="B16:D16"/>
    <mergeCell ref="B12:D12"/>
    <mergeCell ref="E76:F76"/>
    <mergeCell ref="E64:F64"/>
    <mergeCell ref="E65:F65"/>
    <mergeCell ref="E66:F66"/>
  </mergeCells>
  <conditionalFormatting sqref="D85:D87 D43 D49:D54 D56:D62 D89:D102">
    <cfRule type="containsBlanks" dxfId="19" priority="117">
      <formula>LEN(TRIM(D43))=0</formula>
    </cfRule>
  </conditionalFormatting>
  <conditionalFormatting sqref="E126:F126">
    <cfRule type="containsBlanks" dxfId="18" priority="116">
      <formula>LEN(TRIM(E126))=0</formula>
    </cfRule>
  </conditionalFormatting>
  <conditionalFormatting sqref="C124">
    <cfRule type="containsBlanks" dxfId="17" priority="114">
      <formula>LEN(TRIM(C124))=0</formula>
    </cfRule>
  </conditionalFormatting>
  <conditionalFormatting sqref="E127:F127">
    <cfRule type="containsBlanks" dxfId="16" priority="115">
      <formula>LEN(TRIM(E127))=0</formula>
    </cfRule>
  </conditionalFormatting>
  <conditionalFormatting sqref="C126">
    <cfRule type="containsBlanks" dxfId="15" priority="113">
      <formula>LEN(TRIM(C126))=0</formula>
    </cfRule>
  </conditionalFormatting>
  <conditionalFormatting sqref="C4:C5">
    <cfRule type="containsBlanks" dxfId="14" priority="112">
      <formula>LEN(TRIM(C4))=0</formula>
    </cfRule>
  </conditionalFormatting>
  <conditionalFormatting sqref="D42">
    <cfRule type="containsBlanks" dxfId="13" priority="111">
      <formula>LEN(TRIM(D42))=0</formula>
    </cfRule>
  </conditionalFormatting>
  <conditionalFormatting sqref="D108">
    <cfRule type="containsBlanks" dxfId="12" priority="106">
      <formula>LEN(TRIM(D108))=0</formula>
    </cfRule>
  </conditionalFormatting>
  <conditionalFormatting sqref="C117:D117">
    <cfRule type="containsBlanks" dxfId="11" priority="102">
      <formula>LEN(TRIM(C117))=0</formula>
    </cfRule>
  </conditionalFormatting>
  <conditionalFormatting sqref="D45">
    <cfRule type="containsBlanks" dxfId="10" priority="87">
      <formula>LEN(TRIM(D45))=0</formula>
    </cfRule>
  </conditionalFormatting>
  <conditionalFormatting sqref="D46">
    <cfRule type="containsBlanks" dxfId="9" priority="86">
      <formula>LEN(TRIM(D46))=0</formula>
    </cfRule>
  </conditionalFormatting>
  <conditionalFormatting sqref="D47">
    <cfRule type="containsBlanks" dxfId="8" priority="85">
      <formula>LEN(TRIM(D47))=0</formula>
    </cfRule>
  </conditionalFormatting>
  <conditionalFormatting sqref="D44">
    <cfRule type="containsBlanks" dxfId="7" priority="83">
      <formula>LEN(TRIM(D44))=0</formula>
    </cfRule>
  </conditionalFormatting>
  <conditionalFormatting sqref="D64:D70">
    <cfRule type="containsBlanks" dxfId="6" priority="58">
      <formula>LEN(TRIM(D64))=0</formula>
    </cfRule>
  </conditionalFormatting>
  <conditionalFormatting sqref="C116:D116">
    <cfRule type="containsBlanks" dxfId="5" priority="53">
      <formula>LEN(TRIM(C116))=0</formula>
    </cfRule>
  </conditionalFormatting>
  <conditionalFormatting sqref="C115:D115">
    <cfRule type="containsBlanks" dxfId="4" priority="52">
      <formula>LEN(TRIM(C115))=0</formula>
    </cfRule>
  </conditionalFormatting>
  <conditionalFormatting sqref="C118:D118">
    <cfRule type="containsBlanks" dxfId="3" priority="51">
      <formula>LEN(TRIM(C118))=0</formula>
    </cfRule>
  </conditionalFormatting>
  <conditionalFormatting sqref="D76:D84">
    <cfRule type="containsBlanks" dxfId="2" priority="46">
      <formula>LEN(TRIM(D76))=0</formula>
    </cfRule>
  </conditionalFormatting>
  <conditionalFormatting sqref="D109">
    <cfRule type="containsBlanks" dxfId="1" priority="44">
      <formula>LEN(TRIM(D109))=0</formula>
    </cfRule>
  </conditionalFormatting>
  <conditionalFormatting sqref="D88">
    <cfRule type="containsBlanks" dxfId="0" priority="43">
      <formula>LEN(TRIM(D88))=0</formula>
    </cfRule>
  </conditionalFormatting>
  <printOptions horizontalCentered="1"/>
  <pageMargins left="0.70866141732283472" right="0.70866141732283472" top="0.9055118110236221" bottom="0.74803149606299213" header="0.31496062992125984" footer="0.31496062992125984"/>
  <pageSetup paperSize="9" scale="4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70" min="1" max="5" man="1"/>
    <brk id="9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4-08T11:00:56Z</cp:lastPrinted>
  <dcterms:created xsi:type="dcterms:W3CDTF">2017-04-21T05:51:15Z</dcterms:created>
  <dcterms:modified xsi:type="dcterms:W3CDTF">2022-04-11T10:11:54Z</dcterms:modified>
</cp:coreProperties>
</file>